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3" uniqueCount="338">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城北産科婦人科クリニック</t>
    <phoneticPr fontId="3"/>
  </si>
  <si>
    <t>〒690-0877 松江市春日町４８－１</t>
    <phoneticPr fontId="3"/>
  </si>
  <si>
    <t>〇</t>
  </si>
  <si>
    <t>個人</t>
  </si>
  <si>
    <t>産婦人科</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28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7</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2</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12</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2</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2</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2</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1</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v>0</v>
      </c>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0</v>
      </c>
      <c r="K159" s="99" t="str">
        <f t="shared" si="1"/>
        <v/>
      </c>
      <c r="L159" s="167">
        <v>0</v>
      </c>
      <c r="M159" s="167">
        <v>0</v>
      </c>
      <c r="N159" s="167">
        <v>0</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334</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0</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0</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0</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0</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0</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0</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0</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0</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3T23:59:53Z</cp:lastPrinted>
  <dcterms:created xsi:type="dcterms:W3CDTF">2019-03-05T11:12:49Z</dcterms:created>
  <dcterms:modified xsi:type="dcterms:W3CDTF">2021-05-23T23:59:54Z</dcterms:modified>
</cp:coreProperties>
</file>